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workbookPr defaultThemeVersion="166925"/>
  <mc:AlternateContent xmlns:mc="http://schemas.openxmlformats.org/markup-compatibility/2006">
    <mc:Choice Requires="x15">
      <x15ac:absPath xmlns:x15ac="http://schemas.microsoft.com/office/spreadsheetml/2010/11/ac" url="C:\Users\s5910942\Documents\Licitatorios\Hipotecario\Envio Pliego (18 sep)\"/>
    </mc:Choice>
  </mc:AlternateContent>
  <xr:revisionPtr revIDLastSave="0" documentId="13_ncr:1_{43273A05-F1B5-4655-A37B-CA96D687D663}" xr6:coauthVersionLast="47" xr6:coauthVersionMax="47" xr10:uidLastSave="{00000000-0000-0000-0000-000000000000}"/>
  <bookViews>
    <workbookView xWindow="-110" yWindow="-110" windowWidth="19420" windowHeight="10420" xr2:uid="{00000000-000D-0000-FFFF-FFFF00000000}"/>
  </bookViews>
  <sheets>
    <sheet name="Anexo No. 4.2. Incend. y Terrem" sheetId="1" r:id="rId1"/>
  </sheets>
  <definedNames>
    <definedName name="_xlnm.Print_Area" localSheetId="0">'Anexo No. 4.2. Incend. y Terrem'!$B$2:$B$8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3" uniqueCount="82">
  <si>
    <t>Tasa de riesgo</t>
  </si>
  <si>
    <t>CONDICIONES ECONÓMICAS</t>
  </si>
  <si>
    <t>CLAUSULAS BÁSICAS</t>
  </si>
  <si>
    <t>COBERTURAS</t>
  </si>
  <si>
    <t>VIGENCIA DE LA PÓLIZA</t>
  </si>
  <si>
    <t>BENEFICIARIO</t>
  </si>
  <si>
    <t>VALOR ASEGURADO</t>
  </si>
  <si>
    <t>TIPO DE PÓLIZA</t>
  </si>
  <si>
    <t>OBJETO DEL SEGURO</t>
  </si>
  <si>
    <t>CONDICIÓN</t>
  </si>
  <si>
    <t>Tarifa por el servicio de recaudo de las primas</t>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t>El Banco reportará el listado de riesgos a asegurar vigentes y nuevos ingresos para cada grupo asegurable.</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t>Anexo No. 4.2. - INCENDIO Y TERREMOTO
DEUDORES CREDITOS CON GARANTIA  HIPOTECARIA Y LEASING HABITACIONAL
CONDICIONES TÉCNICAS BÁSICAS OBLIGATORIAS</t>
  </si>
  <si>
    <t xml:space="preserve">Seguro de todo riesgo incendio, aliadas y terremoto asociados a créditos con garantía hipotecaria y contratos de leasing habitacional (familiar y no Familiar)/inmobiliario y/o leasback .
La Compañía Aseguradora adjudicataria expedirá una póliza bajo la modalidad de póliza colectiva de todo riesgo incendio y terremoto deudores para cada uno de los clientes deudores de créditos con garantía hipotecaria, leasing habitacional/inmobiliario y/o Leaseback.
</t>
  </si>
  <si>
    <t>Valor destructible en pesos del inmueble dado en garantía y avaluados por el Banco en créditos hipotecarios, leasing y/o leasback, incluido el terreno, En los casos en los cuales los clientes deudores determinen el aseguramiento del terreno, este valor será informado a la aseguradora oportunamente por El Banco.
Es de anotar que este valor será el contemplado y definido por la Circular No 043 de 2011 emanada de la Superintendencia Financiera de Colombia.</t>
  </si>
  <si>
    <t>Primer beneficiario: Scotiabank Colpatria S.A. hasta por el valor del saldo insoluto de la deuda a la fecha del siniestro, incluyendo capital, intereses corrientes, intereses de mora, gastos y honorarios de cobranza, primas de seguro y cualquier otra suma a cargo del deudor relacionada con la operación de crédito o leasing habitacional.
Segundo beneficiario: Deudores y/o herederos por la diferencia entre el valor asegurado de la parte destructible del inmueble y el saldo insoluto de sus acreencias a la fecha del siniestro y/o sus locatarios.</t>
  </si>
  <si>
    <t>Todo riesgo incendio y terremoto y/o rayo, incluyendo pero no limitado a: Incendio, terremoto, erupción volcánica, maremoto, tsunami, explosión, daños por agua, anegación, asonada, motín, conmoción civil o popular y/o huelga (HMACC), actos mal intencionados de terceros (AMIT) incluido actos terroristas, extended coverage ampliado a cualquier evento de la naturaleza no nombrado específicamente, incendio y/o rayo en aparatos eléctricos.
Es de anotar que todas las coberturas anteriormente señaladas operan al 100%.</t>
  </si>
  <si>
    <t>Asegurar contra todo riesgo  de incendio, aliadas y terremoto los bienes inmuebles recibidos por el Banco en garantía de sus créditos asociados a garantías hipotecarias y contratos Leasing habitacional (familiar/ no familiar) /inmobiliario, leasback y los que en las mismas condiciones reciba posteriormente.</t>
  </si>
  <si>
    <t>BIENES AMPARADOS</t>
  </si>
  <si>
    <t>Cualquier tipo de inmueble ubicado en el territorio de la República de Colombia sobre el que se constituya una “Garantía Hipotecaria” o dado en “leasing” en cualquier modalidad legalmente aplicable.</t>
  </si>
  <si>
    <t>CONTINUIDAD DE COBERTURA</t>
  </si>
  <si>
    <t>Las condiciones en que la aseguradora adjudicataria, otorgará cobertura a los bienes que garantizan la cartera del Banco en los créditos hipotecarios y contratos de Leasing habitacional, al momento de la expedición de la póliza, son las que se detallan en el presente slip.
La aseguradora adjudicataria otorga continuidad de cobertura a todos los bienes que actualmente se encuentren asegurados, sin requisitos de asegurabilidad.</t>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 xml:space="preserve">Clausula de Arbitramento
</t>
    </r>
    <r>
      <rPr>
        <sz val="11"/>
        <rFont val="Calibri"/>
        <family val="2"/>
        <scheme val="minor"/>
      </rPr>
      <t xml:space="preserve">
La Compañía Aseguradora, de una parte y el Asegurado/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Compañía Aseguradora adjudicataria a otorgar cobertura sin exigir requisito alguno de asegurabilidad, incluyendo, sin salvedad alguna,  los riesgos previamente valorados por la Compañía Aseguradora adjudicataria en cualquier momento. La vigencia iniciará a partir de la fecha de inclusión en la póliza.</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riesgos reportados por el tomador sin aplicación de recargos adicionales por su asegurabilidad.</t>
    </r>
  </si>
  <si>
    <r>
      <rPr>
        <b/>
        <sz val="11"/>
        <rFont val="Calibri"/>
        <family val="2"/>
        <scheme val="minor"/>
      </rPr>
      <t>Deducibles</t>
    </r>
    <r>
      <rPr>
        <sz val="11"/>
        <rFont val="Calibri"/>
        <family val="2"/>
        <scheme val="minor"/>
      </rPr>
      <t xml:space="preserve">
Cobertura de terremoto y/o erupción volcánica tres por ciento (3%) del valor de la pérdida, mínimo tres (3) salarios mínimos mensuales legales vigentes. Máximo a ofertar.
Demás amparos sin deducibles.</t>
    </r>
  </si>
  <si>
    <r>
      <rPr>
        <b/>
        <sz val="11"/>
        <rFont val="Calibri"/>
        <family val="2"/>
        <scheme val="minor"/>
      </rPr>
      <t>Reducción y restablecimiento del valor asegurado por pago de siniestro</t>
    </r>
    <r>
      <rPr>
        <sz val="11"/>
        <rFont val="Calibri"/>
        <family val="2"/>
        <scheme val="minor"/>
      </rPr>
      <t xml:space="preserve">
En caso de que el asegurado reemplace o repare los bienes afectados por el siniestro, el valor asegurado que se haya disminuido por concepto de la indemnización pagada por la aseguradora, se restablecerá automáticamente a su  valor inicial, sin cobro de prima adicional.
Esta cláusula no aplica para las coberturas de asonada, motín, conmoción civil, sabotaje, terrorismo y terremoto. (HAMCC-AMIT).</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el tomador incurre en errores o inexactitudes imputables a él o al asegurado, el presente contrato no será nulo, ni habrá lugar a la aplicación del inciso tercero del artículo 1058 del código de comercio, en lo referente a la reducción porcentual de la prestación asegurada, en esta caso, se liquidará la prima adecuada al verdadero estado del riesgo. En este caso se deberá pagar la prima adecuada al verdadero estado del riesgo.</t>
    </r>
  </si>
  <si>
    <r>
      <rPr>
        <b/>
        <sz val="11"/>
        <rFont val="Calibri"/>
        <family val="2"/>
        <scheme val="minor"/>
      </rPr>
      <t>Propiedad horizontal</t>
    </r>
    <r>
      <rPr>
        <sz val="11"/>
        <rFont val="Calibri"/>
        <family val="2"/>
        <scheme val="minor"/>
      </rPr>
      <t xml:space="preserve">
En virtud del presente anexo, se hace constar que esta póliza ampara exclusivamente la parte del edificio de propiedad del asegurado, en consecuencia las perdidas ocurridas en aquellas partes de la construcción que sean de servicio común y por consiguiente de propiedad colectiva,  quedarán amparados únicamente en proporción al derecho que sobre ellas tenga el asegurado.</t>
    </r>
  </si>
  <si>
    <r>
      <rPr>
        <b/>
        <sz val="11"/>
        <rFont val="Calibri"/>
        <family val="2"/>
        <scheme val="minor"/>
      </rPr>
      <t>Designación de ajustador</t>
    </r>
    <r>
      <rPr>
        <sz val="11"/>
        <rFont val="Calibri"/>
        <family val="2"/>
        <scheme val="minor"/>
      </rPr>
      <t xml:space="preserve">
En caso de siniestro amparado por la póliza que requiera la designación de un perito ajustador, la aseguradora efectuará su contratación previo consentimiento del asegurado. Es de anotar que los gastos del ajustador correrán por cuenta de la aseguradora.</t>
    </r>
  </si>
  <si>
    <r>
      <rPr>
        <b/>
        <sz val="11"/>
        <rFont val="Calibri"/>
        <family val="2"/>
        <scheme val="minor"/>
      </rPr>
      <t>Modalidad de pago de la indemnización</t>
    </r>
    <r>
      <rPr>
        <sz val="11"/>
        <rFont val="Calibri"/>
        <family val="2"/>
        <scheme val="minor"/>
      </rPr>
      <t xml:space="preserve">
La Aseguradora adjudicataria se obliga a realizar el pago del siniestro a través de indemnización en dinero del bien afectado, a la mera solicitud del Banco o del Cliente. 
Se contempla las modalidades de reembolso, reparación o reposición del bien asegurado</t>
    </r>
  </si>
  <si>
    <r>
      <rPr>
        <b/>
        <sz val="11"/>
        <rFont val="Calibri"/>
        <family val="2"/>
        <scheme val="minor"/>
      </rPr>
      <t>Auxilio por eventos catastróficos</t>
    </r>
    <r>
      <rPr>
        <sz val="11"/>
        <rFont val="Calibri"/>
        <family val="2"/>
        <scheme val="minor"/>
      </rPr>
      <t xml:space="preserve">
En caso de ocurrencia de un evento catastrófico,  la compañía reconocerá al Scotiabank Colpatria S.A., el equivalente a mil dólares (USD $ 1.000.oo) mensuales hasta por un máximo de seis (6) meses por cada deudor  o locatario afectado, con un límite máximo global por evento y anualidad hasta cuatro millones de dólares (USD $ 4.000.000), con el fin de proveer una renta para subsidiar gastos de: compra de carpas, arrendamiento temporal, medicamentos, alimentos, ropa o cualquier otro gasto de manutención o traslado.</t>
    </r>
  </si>
  <si>
    <r>
      <rPr>
        <b/>
        <sz val="11"/>
        <rFont val="Calibri"/>
        <family val="2"/>
        <scheme val="minor"/>
      </rPr>
      <t>Actos de Autoridad</t>
    </r>
    <r>
      <rPr>
        <sz val="11"/>
        <rFont val="Calibri"/>
        <family val="2"/>
        <scheme val="minor"/>
      </rPr>
      <t xml:space="preserve">
La aseguradora indemnizará las pérdidas o daños materiales que sufran los bienes asegurados, a consecuencia de la orden de destrucción dada o ejecutada por la autoridad competente con el fin de aminorar o evitar la propagación de las consecuencias de cualquier siniestro amparado.</t>
    </r>
  </si>
  <si>
    <r>
      <rPr>
        <b/>
        <sz val="11"/>
        <rFont val="Calibri"/>
        <family val="2"/>
        <scheme val="minor"/>
      </rPr>
      <t>Índice variable</t>
    </r>
    <r>
      <rPr>
        <sz val="11"/>
        <rFont val="Calibri"/>
        <family val="2"/>
        <scheme val="minor"/>
      </rPr>
      <t xml:space="preserve">
 12% sin cobro de prima</t>
    </r>
  </si>
  <si>
    <r>
      <rPr>
        <b/>
        <sz val="11"/>
        <rFont val="Calibri"/>
        <family val="2"/>
        <scheme val="minor"/>
      </rPr>
      <t>Anticipo de Indemnización</t>
    </r>
    <r>
      <rPr>
        <sz val="11"/>
        <rFont val="Calibri"/>
        <family val="2"/>
        <scheme val="minor"/>
      </rPr>
      <t xml:space="preserve">
Del 50% del valor de la pérdida, siempre y cuando se precise que existe cobertura.</t>
    </r>
  </si>
  <si>
    <r>
      <rPr>
        <b/>
        <sz val="11"/>
        <rFont val="Calibri"/>
        <family val="2"/>
        <scheme val="minor"/>
      </rPr>
      <t>Clausula de No Aplicación de Garantias</t>
    </r>
    <r>
      <rPr>
        <sz val="11"/>
        <rFont val="Calibri"/>
        <family val="2"/>
        <scheme val="minor"/>
      </rPr>
      <t xml:space="preserve">
Incluida</t>
    </r>
  </si>
  <si>
    <r>
      <rPr>
        <b/>
        <sz val="11"/>
        <rFont val="Calibri"/>
        <family val="2"/>
        <scheme val="minor"/>
      </rPr>
      <t>Definición de edificio</t>
    </r>
    <r>
      <rPr>
        <sz val="11"/>
        <rFont val="Calibri"/>
        <family val="2"/>
        <scheme val="minor"/>
      </rPr>
      <t xml:space="preserve">
Se entiende como tal las construcciones fijas con todas sus adiciones o anexos,  incluyendo pero no limitado a :  las instalaciones de cañerías sanitarias e hidráulicas; las instalaciones eléctricas; aparatos, maquinaria y accesorios estacionarios para calefacción, refrigeración, ventilación, y alumbrado; ascensores, divisiones, rejas, vidrios, puertas, ventanas, avisos, chimeneas, mejoras locativas, refacciones y en general todos los demás implementos e instalaciones permanentes que forman parte de las construcciones incluyendo los costos de dirección de obra e interventoría.</t>
    </r>
  </si>
  <si>
    <r>
      <rPr>
        <b/>
        <sz val="11"/>
        <rFont val="Calibri"/>
        <family val="2"/>
        <scheme val="minor"/>
      </rPr>
      <t>Definición de evento</t>
    </r>
    <r>
      <rPr>
        <sz val="11"/>
        <rFont val="Calibri"/>
        <family val="2"/>
        <scheme val="minor"/>
      </rPr>
      <t xml:space="preserve">
Para efectos del presente seguro, un evento incluye todos los siniestros asegurados, que tengan la misma causa y que ocurran durante el mismo periodo de tiempo “72 horas” y en la misma área. </t>
    </r>
  </si>
  <si>
    <r>
      <rPr>
        <b/>
        <sz val="11"/>
        <rFont val="Calibri"/>
        <family val="2"/>
        <scheme val="minor"/>
      </rPr>
      <t>Primera opción de compra del salvamento</t>
    </r>
    <r>
      <rPr>
        <sz val="11"/>
        <rFont val="Calibri"/>
        <family val="2"/>
        <scheme val="minor"/>
      </rPr>
      <t xml:space="preserve">
En virtud del pago de la indemnización, quedarán de propiedad de la aseguradora los bienes salvados o recuperados, y el tomador o asegurado participará en el valor neto de venta del salvamento, en la proporción que le corresponda con base en el deducible aplicado a la indemnización.</t>
    </r>
  </si>
  <si>
    <r>
      <rPr>
        <b/>
        <sz val="11"/>
        <rFont val="Calibri"/>
        <family val="2"/>
        <scheme val="minor"/>
      </rPr>
      <t>Gastos de limpieza en que deba incurrir el asegurado por orden  de autoridad competente</t>
    </r>
    <r>
      <rPr>
        <sz val="11"/>
        <rFont val="Calibri"/>
        <family val="2"/>
        <scheme val="minor"/>
      </rPr>
      <t xml:space="preserve">
La aseguradora reconocerá los gastos de limpieza en que deba incurrir el asegurado por orden de autoridad competente, con un porcentaje del 20% del valor de la pérdida, en adición al valor asegurado.</t>
    </r>
  </si>
  <si>
    <r>
      <rPr>
        <b/>
        <sz val="11"/>
        <rFont val="Calibri"/>
        <family val="2"/>
        <scheme val="minor"/>
      </rPr>
      <t>Gastos para la preservación de bienes</t>
    </r>
    <r>
      <rPr>
        <sz val="11"/>
        <rFont val="Calibri"/>
        <family val="2"/>
        <scheme val="minor"/>
      </rPr>
      <t xml:space="preserve">
La aseguradora indemnizará los gastos en que necesaria y razonablemente incurra el asegurado, con el fin de efectuar reparaciones o construcción provisional o transitoria, así como el valor del arrendamiento, de locales temporales, siempre que todo esto se efectúe con el fin de salvar, preservar, o conservar los bienes asegurados afectados por un siniestro amparado. Aplican en adición al valor asegurado.</t>
    </r>
  </si>
  <si>
    <r>
      <rPr>
        <b/>
        <sz val="11"/>
        <rFont val="Calibri"/>
        <family val="2"/>
        <scheme val="minor"/>
      </rPr>
      <t>La cobertura incluye cables, cableado estructurado, tuberías y/o instalaciones subterráneas del edificio</t>
    </r>
    <r>
      <rPr>
        <sz val="11"/>
        <rFont val="Calibri"/>
        <family val="2"/>
        <scheme val="minor"/>
      </rPr>
      <t xml:space="preserve">
Incluida. Esta cobertura opera siempre y cuando los cables, cableado estructurado, tuberías y/o instalaciones subterráneas formen parte de la suma asegurada del bien reportado.</t>
    </r>
  </si>
  <si>
    <r>
      <rPr>
        <b/>
        <sz val="11"/>
        <rFont val="Calibri"/>
        <family val="2"/>
        <scheme val="minor"/>
      </rPr>
      <t>Labores y materiales</t>
    </r>
    <r>
      <rPr>
        <sz val="11"/>
        <rFont val="Calibri"/>
        <family val="2"/>
        <scheme val="minor"/>
      </rPr>
      <t xml:space="preserve">
Incluida</t>
    </r>
  </si>
  <si>
    <r>
      <rPr>
        <b/>
        <sz val="11"/>
        <rFont val="Calibri"/>
        <family val="2"/>
        <scheme val="minor"/>
      </rPr>
      <t>Las coberturas no sublimitadas</t>
    </r>
    <r>
      <rPr>
        <sz val="11"/>
        <rFont val="Calibri"/>
        <family val="2"/>
        <scheme val="minor"/>
      </rPr>
      <t xml:space="preserve">
Todas las coberturas operan al 100%</t>
    </r>
  </si>
  <si>
    <r>
      <rPr>
        <b/>
        <sz val="11"/>
        <rFont val="Calibri"/>
        <family val="2"/>
        <scheme val="minor"/>
      </rPr>
      <t>No aplicación de demerito y/o depreciación alguna</t>
    </r>
    <r>
      <rPr>
        <sz val="11"/>
        <rFont val="Calibri"/>
        <family val="2"/>
        <scheme val="minor"/>
      </rPr>
      <t xml:space="preserve">
Incluida</t>
    </r>
  </si>
  <si>
    <r>
      <rPr>
        <b/>
        <sz val="11"/>
        <rFont val="Calibri"/>
        <family val="2"/>
        <scheme val="minor"/>
      </rPr>
      <t>Renuncia a la aplicación de infraseguro</t>
    </r>
    <r>
      <rPr>
        <sz val="11"/>
        <rFont val="Calibri"/>
        <family val="2"/>
        <scheme val="minor"/>
      </rPr>
      <t xml:space="preserve">
No aplicación de infraseguro cuando la diferencia entre el valor asegurado y valor asegurable no supere el 20%</t>
    </r>
  </si>
  <si>
    <r>
      <rPr>
        <b/>
        <sz val="11"/>
        <rFont val="Calibri"/>
        <family val="2"/>
        <scheme val="minor"/>
      </rPr>
      <t>No aplicación de deducible para todos las clausulas de gastos reconocimiento de indemnización en adición al valor asegurado</t>
    </r>
    <r>
      <rPr>
        <sz val="11"/>
        <rFont val="Calibri"/>
        <family val="2"/>
        <scheme val="minor"/>
      </rPr>
      <t xml:space="preserve">
Incluida</t>
    </r>
  </si>
  <si>
    <r>
      <rPr>
        <b/>
        <sz val="11"/>
        <rFont val="Calibri"/>
        <family val="2"/>
        <scheme val="minor"/>
      </rPr>
      <t>Se amparan los sobrecostos incurridos por adecuación de las construcciones al último código de sismo resistencia en Colombia</t>
    </r>
    <r>
      <rPr>
        <sz val="11"/>
        <rFont val="Calibri"/>
        <family val="2"/>
        <scheme val="minor"/>
      </rPr>
      <t xml:space="preserve">
Incluida</t>
    </r>
  </si>
  <si>
    <r>
      <rPr>
        <b/>
        <sz val="11"/>
        <rFont val="Calibri"/>
        <family val="2"/>
        <scheme val="minor"/>
      </rPr>
      <t xml:space="preserve">Avalúos </t>
    </r>
    <r>
      <rPr>
        <sz val="11"/>
        <rFont val="Calibri"/>
        <family val="2"/>
        <scheme val="minor"/>
      </rPr>
      <t xml:space="preserve">
Aceptación de avalúos realizados por el Banco </t>
    </r>
  </si>
  <si>
    <r>
      <rPr>
        <b/>
        <sz val="11"/>
        <rFont val="Calibri"/>
        <family val="2"/>
        <scheme val="minor"/>
      </rPr>
      <t>Cobertura Automática para Inmueble en proceso de Entrega</t>
    </r>
    <r>
      <rPr>
        <sz val="11"/>
        <rFont val="Calibri"/>
        <family val="2"/>
        <scheme val="minor"/>
      </rPr>
      <t xml:space="preserve">
La Compañía Aseguradora otorgará cobertura dentro de la póliza colectiva de Incendio y Terremoto para aquellos inmuebles que tengan un avance de obra de noventa  porciento (90%), no obstante, el Banco podrá solicitar inclusión de otros inmuebles con porcentajes de avance inferior previa validación entre las partes.</t>
    </r>
  </si>
  <si>
    <t>CLAUSULAS ADICIONALES</t>
  </si>
  <si>
    <r>
      <rPr>
        <b/>
        <sz val="11"/>
        <rFont val="Calibri"/>
        <family val="2"/>
        <scheme val="minor"/>
      </rPr>
      <t>Asistencias sin costo para el asegurado</t>
    </r>
    <r>
      <rPr>
        <sz val="11"/>
        <rFont val="Calibri"/>
        <family val="2"/>
        <scheme val="minor"/>
      </rPr>
      <t xml:space="preserve">
Asistencia básica al hogar: La aseguradora adjudicataria ofrecerá a todos los clientes deudores, una asistencias básica al hogar que contemple como mínimo:
- Plomería: Reparaciones básicas, no incluye materiales. (mínimo dos eventos al año)
- Cerrajería: Reparación, no incluye materiales, que corresponda a puertas externas e internas del inmueble asegurado. (mínimo dos eventos al año)
- Electricidad: reparaciones básicas, no incluye materiales. (mínimo dos eventos al año)
- Vidriería (mínimo dos eventos al año)</t>
    </r>
  </si>
  <si>
    <r>
      <rPr>
        <b/>
        <sz val="11"/>
        <rFont val="Calibri"/>
        <family val="2"/>
        <scheme val="minor"/>
      </rPr>
      <t>Condiciones adicionales de vinculación</t>
    </r>
    <r>
      <rPr>
        <sz val="11"/>
        <rFont val="Calibri"/>
        <family val="2"/>
        <scheme val="minor"/>
      </rPr>
      <t xml:space="preserve">
Los inmuebles que se encuentren dentro del amparo automático de la póliza, quedaran asegurados automáticamente independiente de su categoría de riesgo (baja, media, alta), teniendo en cuenta lo dispuesto en el literal b) del numeral 10 	VIGENCIA DE LOS CONTRATOS DE SEGUROS del Capítulo I del presente pliego de condiciones.
Para aquellos inmuebles que su valor sea superior al amparo automático, la Compañía Aseguradora adjudicataria podrá solicitar la revisión y autorización se aseguramiento en los casos en que la categoría de riesgo sea media o alta, la categoría baja por su nivel de riesgo no requerirá de autorización adicional.
Para los casos de proyectos donde el Banco tenga interés de financiar varios inmuebles, la Compañía Aseguradora adjudicataria realizará la validación de aseguramiento de tal manera que se dé un aval global y no sea necesario que el Banco solicite la revisión uno a uno de los riesgos de dicho proyecto. 
La Compañía Aseguradora adjudicataria acepta el formato de solicitud de seguro que se encuentra dentro de la solicitud de crédito del Banco.</t>
    </r>
  </si>
  <si>
    <r>
      <rPr>
        <b/>
        <sz val="11"/>
        <rFont val="Calibri"/>
        <family val="2"/>
        <scheme val="minor"/>
      </rPr>
      <t xml:space="preserve">Asegurados
</t>
    </r>
    <r>
      <rPr>
        <sz val="11"/>
        <rFont val="Calibri"/>
        <family val="2"/>
        <scheme val="minor"/>
      </rPr>
      <t xml:space="preserve">
Personas naturales que suscriban cualquier tipo de crédito asociados garantía hipotecaria o leasing habitacional/inmobiliario y/o leas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1. Carta formal de reclamación del asegurado, indicando las circunstancias de modo, tiempo y lugar de ocurrencia de los hechos.
2. Factura y/o cotización de reconstrucción de los daños, discriminando cada ítem y cuantificando la pérdida.</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t>Las Compañías Aseguradoras participantes deberán presentar en sus Posturas una tasa de prima Única para el total de la cartera asegurada.</t>
  </si>
  <si>
    <r>
      <rPr>
        <b/>
        <sz val="11"/>
        <rFont val="Calibri"/>
        <family val="2"/>
        <scheme val="minor"/>
      </rPr>
      <t>Definición de valor destructible del inmueble</t>
    </r>
    <r>
      <rPr>
        <sz val="11"/>
        <rFont val="Calibri"/>
        <family val="2"/>
        <scheme val="minor"/>
      </rPr>
      <t xml:space="preserve">
Se entiende por parte destructible el valor comercial del inmueble menos el valor del terreno.  Teniendo en cuenta el Parágrafo 2 del Artículo 2.36.2.2.10 del decreto 2555 de 2010, modificado por el artículo 3 del decreto 1534 de 2016.</t>
    </r>
  </si>
  <si>
    <t>Las Compañías Aseguradoras oferentes en caso de que decidan libremente utilizar al Banco para el servicio de recaudo de las primas, deberá pagar al Banco el valor de veintidos mil novecientos treinta y tres pesos ($22.933) más IVA y aplicará a cada una de las primas y seguros recaudados.</t>
  </si>
  <si>
    <r>
      <rPr>
        <b/>
        <sz val="11"/>
        <rFont val="Calibri"/>
        <family val="2"/>
        <scheme val="minor"/>
      </rPr>
      <t>Honorarios profesionales incluyendo ingenieros, arquitectos etc.</t>
    </r>
    <r>
      <rPr>
        <sz val="11"/>
        <rFont val="Calibri"/>
        <family val="2"/>
        <scheme val="minor"/>
      </rPr>
      <t xml:space="preserve">
Incluyendo ingenieros, arquitectos, etc. con un porcentaje del 25% de la suma asegurada, en adicional a este valor.</t>
    </r>
  </si>
  <si>
    <r>
      <rPr>
        <b/>
        <sz val="11"/>
        <rFont val="Calibri"/>
        <family val="2"/>
        <scheme val="minor"/>
      </rPr>
      <t>Gastos para demostrar la ocurrencia y pérdida</t>
    </r>
    <r>
      <rPr>
        <sz val="11"/>
        <rFont val="Calibri"/>
        <family val="2"/>
        <scheme val="minor"/>
      </rPr>
      <t xml:space="preserve">
La aseguradora reconocerá los gastos en que incurra el asegurado para demostrar la ocurrencia de la pérdida, con un porcentaje del 25% del valor de la pérdida en adición al valor asegurado.</t>
    </r>
  </si>
  <si>
    <r>
      <rPr>
        <b/>
        <sz val="11"/>
        <rFont val="Calibri"/>
        <family val="2"/>
        <scheme val="minor"/>
      </rPr>
      <t>Amparo Automático</t>
    </r>
    <r>
      <rPr>
        <sz val="11"/>
        <rFont val="Calibri"/>
        <family val="2"/>
        <scheme val="minor"/>
      </rPr>
      <t xml:space="preserve">
La aseguradora, otorgará amparo automático dentro de los primeros noventa (90) días, hasta por tres mil millones de pesos (COP$4.000’000.000) para cada inmueble que se desee asegurar.</t>
    </r>
  </si>
  <si>
    <r>
      <rPr>
        <b/>
        <sz val="11"/>
        <rFont val="Calibri"/>
        <family val="2"/>
        <scheme val="minor"/>
      </rPr>
      <t>Remoción de escombros</t>
    </r>
    <r>
      <rPr>
        <sz val="11"/>
        <rFont val="Calibri"/>
        <family val="2"/>
        <scheme val="minor"/>
      </rPr>
      <t xml:space="preserve">
25% de la suma asegurada.</t>
    </r>
  </si>
  <si>
    <r>
      <t xml:space="preserve">Clausulas adicionales a tener en cuenta:
</t>
    </r>
    <r>
      <rPr>
        <b/>
        <sz val="11"/>
        <rFont val="Calibri"/>
        <family val="2"/>
        <scheme val="minor"/>
      </rPr>
      <t xml:space="preserve">Adhesión o modificaciones en beneficio del Asegurado: </t>
    </r>
    <r>
      <rPr>
        <sz val="11"/>
        <rFont val="Calibri"/>
        <family val="2"/>
        <scheme val="minor"/>
      </rPr>
      <t>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t>
    </r>
  </si>
  <si>
    <t>El inicio de vigencia se dará a partir de 01 de Abril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5" x14ac:knownFonts="1">
    <font>
      <sz val="10"/>
      <color theme="1"/>
      <name val="Arial"/>
      <family val="2"/>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5">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2" fillId="0" borderId="0" applyNumberFormat="0" applyFill="0" applyBorder="0" applyAlignment="0" applyProtection="0"/>
    <xf numFmtId="0" fontId="2" fillId="0" borderId="0"/>
  </cellStyleXfs>
  <cellXfs count="12">
    <xf numFmtId="0" fontId="0" fillId="0" borderId="0" xfId="0"/>
    <xf numFmtId="0" fontId="1" fillId="2" borderId="0" xfId="0" applyFont="1" applyFill="1"/>
    <xf numFmtId="164" fontId="3" fillId="0" borderId="0" xfId="1" applyFont="1" applyBorder="1" applyAlignment="1">
      <alignment horizontal="left" vertical="center" wrapText="1"/>
    </xf>
    <xf numFmtId="0" fontId="4" fillId="3" borderId="2" xfId="2" applyFont="1" applyFill="1" applyBorder="1" applyAlignment="1">
      <alignment horizontal="center" vertical="center" wrapText="1"/>
    </xf>
    <xf numFmtId="0" fontId="4" fillId="4" borderId="2" xfId="2" applyFont="1" applyFill="1" applyBorder="1" applyAlignment="1">
      <alignment horizontal="center" vertical="center" wrapText="1"/>
    </xf>
    <xf numFmtId="0" fontId="4" fillId="3" borderId="2" xfId="2" applyFont="1" applyFill="1" applyBorder="1" applyAlignment="1">
      <alignment horizontal="left" vertical="center" wrapText="1"/>
    </xf>
    <xf numFmtId="164" fontId="3" fillId="0" borderId="1" xfId="1" applyFont="1" applyBorder="1" applyAlignment="1">
      <alignment horizontal="left" vertical="center" wrapText="1"/>
    </xf>
    <xf numFmtId="164" fontId="3" fillId="0" borderId="3" xfId="1" applyFont="1" applyBorder="1" applyAlignment="1">
      <alignment horizontal="left" vertical="center" wrapText="1"/>
    </xf>
    <xf numFmtId="164" fontId="3" fillId="0" borderId="4" xfId="1" applyFont="1" applyBorder="1" applyAlignment="1">
      <alignment horizontal="left" vertical="center" wrapText="1"/>
    </xf>
    <xf numFmtId="164" fontId="3" fillId="0" borderId="1" xfId="1" applyFont="1" applyFill="1" applyBorder="1" applyAlignment="1">
      <alignment horizontal="left" vertical="center" wrapText="1"/>
    </xf>
    <xf numFmtId="164" fontId="3" fillId="2" borderId="1" xfId="1" applyFont="1" applyFill="1" applyBorder="1" applyAlignment="1">
      <alignment horizontal="left" vertical="center" wrapText="1"/>
    </xf>
    <xf numFmtId="0" fontId="3"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92"/>
  <sheetViews>
    <sheetView tabSelected="1" topLeftCell="A9" zoomScale="70" zoomScaleNormal="70" workbookViewId="0">
      <selection activeCell="B2" sqref="B2"/>
    </sheetView>
  </sheetViews>
  <sheetFormatPr baseColWidth="10" defaultColWidth="0" defaultRowHeight="0" customHeight="1" zeroHeight="1" x14ac:dyDescent="0.35"/>
  <cols>
    <col min="1" max="1" width="7.26953125" style="1" customWidth="1"/>
    <col min="2" max="2" width="143.453125" style="11" customWidth="1"/>
    <col min="3" max="4" width="0" style="1" hidden="1" customWidth="1"/>
    <col min="5" max="16384" width="11.54296875" style="1" hidden="1"/>
  </cols>
  <sheetData>
    <row r="1" spans="2:2" ht="15" thickBot="1" x14ac:dyDescent="0.4"/>
    <row r="2" spans="2:2" ht="44.5" thickTop="1" thickBot="1" x14ac:dyDescent="0.4">
      <c r="B2" s="4" t="s">
        <v>27</v>
      </c>
    </row>
    <row r="3" spans="2:2" ht="15.5" thickTop="1" thickBot="1" x14ac:dyDescent="0.4">
      <c r="B3" s="4" t="s">
        <v>9</v>
      </c>
    </row>
    <row r="4" spans="2:2" ht="15.5" thickTop="1" thickBot="1" x14ac:dyDescent="0.4">
      <c r="B4" s="5" t="s">
        <v>8</v>
      </c>
    </row>
    <row r="5" spans="2:2" ht="88" thickTop="1" thickBot="1" x14ac:dyDescent="0.4">
      <c r="B5" s="6" t="s">
        <v>28</v>
      </c>
    </row>
    <row r="6" spans="2:2" ht="15.5" thickTop="1" thickBot="1" x14ac:dyDescent="0.4">
      <c r="B6" s="5" t="s">
        <v>7</v>
      </c>
    </row>
    <row r="7" spans="2:2" ht="37.5" customHeight="1" thickTop="1" thickBot="1" x14ac:dyDescent="0.4">
      <c r="B7" s="6" t="s">
        <v>24</v>
      </c>
    </row>
    <row r="8" spans="2:2" ht="15.5" thickTop="1" thickBot="1" x14ac:dyDescent="0.4">
      <c r="B8" s="5" t="s">
        <v>6</v>
      </c>
    </row>
    <row r="9" spans="2:2" ht="73.5" customHeight="1" thickTop="1" thickBot="1" x14ac:dyDescent="0.4">
      <c r="B9" s="6" t="s">
        <v>29</v>
      </c>
    </row>
    <row r="10" spans="2:2" ht="15.5" thickTop="1" thickBot="1" x14ac:dyDescent="0.4">
      <c r="B10" s="5" t="s">
        <v>5</v>
      </c>
    </row>
    <row r="11" spans="2:2" ht="97.5" customHeight="1" thickTop="1" thickBot="1" x14ac:dyDescent="0.4">
      <c r="B11" s="6" t="s">
        <v>30</v>
      </c>
    </row>
    <row r="12" spans="2:2" ht="15.5" thickTop="1" thickBot="1" x14ac:dyDescent="0.4">
      <c r="B12" s="5" t="s">
        <v>4</v>
      </c>
    </row>
    <row r="13" spans="2:2" ht="277.5" customHeight="1" thickTop="1" thickBot="1" x14ac:dyDescent="0.4">
      <c r="B13" s="9" t="s">
        <v>81</v>
      </c>
    </row>
    <row r="14" spans="2:2" ht="15.5" thickTop="1" thickBot="1" x14ac:dyDescent="0.4">
      <c r="B14" s="5" t="s">
        <v>3</v>
      </c>
    </row>
    <row r="15" spans="2:2" ht="90" customHeight="1" thickTop="1" thickBot="1" x14ac:dyDescent="0.4">
      <c r="B15" s="6" t="s">
        <v>31</v>
      </c>
    </row>
    <row r="16" spans="2:2" ht="15.5" thickTop="1" thickBot="1" x14ac:dyDescent="0.4">
      <c r="B16" s="5" t="s">
        <v>8</v>
      </c>
    </row>
    <row r="17" spans="2:2" ht="54" customHeight="1" thickTop="1" thickBot="1" x14ac:dyDescent="0.4">
      <c r="B17" s="6" t="s">
        <v>32</v>
      </c>
    </row>
    <row r="18" spans="2:2" ht="15.5" thickTop="1" thickBot="1" x14ac:dyDescent="0.4">
      <c r="B18" s="5" t="s">
        <v>33</v>
      </c>
    </row>
    <row r="19" spans="2:2" ht="51" customHeight="1" thickTop="1" thickBot="1" x14ac:dyDescent="0.4">
      <c r="B19" s="6" t="s">
        <v>34</v>
      </c>
    </row>
    <row r="20" spans="2:2" ht="15.5" thickTop="1" thickBot="1" x14ac:dyDescent="0.4">
      <c r="B20" s="5" t="s">
        <v>35</v>
      </c>
    </row>
    <row r="21" spans="2:2" ht="75.650000000000006" customHeight="1" thickTop="1" thickBot="1" x14ac:dyDescent="0.4">
      <c r="B21" s="6" t="s">
        <v>36</v>
      </c>
    </row>
    <row r="22" spans="2:2" ht="15.5" thickTop="1" thickBot="1" x14ac:dyDescent="0.4">
      <c r="B22" s="5" t="s">
        <v>2</v>
      </c>
    </row>
    <row r="23" spans="2:2" ht="94.5" customHeight="1" thickTop="1" thickBot="1" x14ac:dyDescent="0.4">
      <c r="B23" s="6" t="s">
        <v>70</v>
      </c>
    </row>
    <row r="24" spans="2:2" ht="305.14999999999998" customHeight="1" thickTop="1" x14ac:dyDescent="0.35">
      <c r="B24" s="8" t="s">
        <v>37</v>
      </c>
    </row>
    <row r="25" spans="2:2" ht="230.25" customHeight="1" thickBot="1" x14ac:dyDescent="0.4">
      <c r="B25" s="7" t="s">
        <v>25</v>
      </c>
    </row>
    <row r="26" spans="2:2" ht="72" customHeight="1" thickTop="1" thickBot="1" x14ac:dyDescent="0.4">
      <c r="B26" s="9" t="s">
        <v>78</v>
      </c>
    </row>
    <row r="27" spans="2:2" ht="203.15" customHeight="1" thickTop="1" thickBot="1" x14ac:dyDescent="0.4">
      <c r="B27" s="9" t="s">
        <v>69</v>
      </c>
    </row>
    <row r="28" spans="2:2" ht="271" customHeight="1" thickTop="1" thickBot="1" x14ac:dyDescent="0.4">
      <c r="B28" s="9" t="s">
        <v>38</v>
      </c>
    </row>
    <row r="29" spans="2:2" ht="148.5" customHeight="1" thickTop="1" thickBot="1" x14ac:dyDescent="0.4">
      <c r="B29" s="8" t="s">
        <v>71</v>
      </c>
    </row>
    <row r="30" spans="2:2" ht="72.75" customHeight="1" thickTop="1" thickBot="1" x14ac:dyDescent="0.4">
      <c r="B30" s="6" t="s">
        <v>11</v>
      </c>
    </row>
    <row r="31" spans="2:2" ht="54.75" customHeight="1" thickTop="1" thickBot="1" x14ac:dyDescent="0.4">
      <c r="B31" s="6" t="s">
        <v>12</v>
      </c>
    </row>
    <row r="33" spans="2:2" ht="66" customHeight="1" thickTop="1" thickBot="1" x14ac:dyDescent="0.4">
      <c r="B33" s="6" t="s">
        <v>13</v>
      </c>
    </row>
    <row r="34" spans="2:2" ht="82.5" customHeight="1" thickTop="1" thickBot="1" x14ac:dyDescent="0.4">
      <c r="B34" s="6" t="s">
        <v>14</v>
      </c>
    </row>
    <row r="35" spans="2:2" ht="255.75" customHeight="1" thickTop="1" thickBot="1" x14ac:dyDescent="0.4">
      <c r="B35" s="6" t="s">
        <v>15</v>
      </c>
    </row>
    <row r="36" spans="2:2" ht="87" customHeight="1" thickTop="1" thickBot="1" x14ac:dyDescent="0.4">
      <c r="B36" s="6" t="s">
        <v>72</v>
      </c>
    </row>
    <row r="37" spans="2:2" ht="122.25" customHeight="1" thickTop="1" thickBot="1" x14ac:dyDescent="0.4">
      <c r="B37" s="6" t="s">
        <v>39</v>
      </c>
    </row>
    <row r="38" spans="2:2" ht="90" customHeight="1" thickTop="1" thickBot="1" x14ac:dyDescent="0.4">
      <c r="B38" s="6" t="s">
        <v>16</v>
      </c>
    </row>
    <row r="40" spans="2:2" ht="148.5" customHeight="1" thickTop="1" thickBot="1" x14ac:dyDescent="0.4">
      <c r="B40" s="6" t="s">
        <v>18</v>
      </c>
    </row>
    <row r="41" spans="2:2" ht="123.75" customHeight="1" thickTop="1" thickBot="1" x14ac:dyDescent="0.4">
      <c r="B41" s="6" t="s">
        <v>19</v>
      </c>
    </row>
    <row r="42" spans="2:2" ht="116.25" customHeight="1" thickTop="1" thickBot="1" x14ac:dyDescent="0.4">
      <c r="B42" s="6" t="s">
        <v>40</v>
      </c>
    </row>
    <row r="43" spans="2:2" ht="165.75" customHeight="1" thickTop="1" thickBot="1" x14ac:dyDescent="0.4">
      <c r="B43" s="6" t="s">
        <v>23</v>
      </c>
    </row>
    <row r="44" spans="2:2" ht="44.5" thickTop="1" thickBot="1" x14ac:dyDescent="0.4">
      <c r="B44" s="6" t="s">
        <v>20</v>
      </c>
    </row>
    <row r="45" spans="2:2" ht="102" customHeight="1" thickTop="1" thickBot="1" x14ac:dyDescent="0.4">
      <c r="B45" s="6" t="s">
        <v>41</v>
      </c>
    </row>
    <row r="46" spans="2:2" ht="73.5" thickTop="1" thickBot="1" x14ac:dyDescent="0.4">
      <c r="B46" s="6" t="s">
        <v>26</v>
      </c>
    </row>
    <row r="47" spans="2:2" ht="126.75" customHeight="1" thickTop="1" thickBot="1" x14ac:dyDescent="0.4">
      <c r="B47" s="6" t="s">
        <v>21</v>
      </c>
    </row>
    <row r="48" spans="2:2" ht="92.25" customHeight="1" thickTop="1" thickBot="1" x14ac:dyDescent="0.4">
      <c r="B48" s="10" t="s">
        <v>22</v>
      </c>
    </row>
    <row r="49" spans="2:2" ht="92.25" customHeight="1" thickTop="1" thickBot="1" x14ac:dyDescent="0.4">
      <c r="B49" s="10" t="s">
        <v>42</v>
      </c>
    </row>
    <row r="50" spans="2:2" ht="114" customHeight="1" thickTop="1" thickBot="1" x14ac:dyDescent="0.4">
      <c r="B50" s="10" t="s">
        <v>68</v>
      </c>
    </row>
    <row r="51" spans="2:2" ht="15.5" thickTop="1" thickBot="1" x14ac:dyDescent="0.4">
      <c r="B51" s="5" t="s">
        <v>67</v>
      </c>
    </row>
    <row r="52" spans="2:2" ht="103.5" customHeight="1" thickTop="1" thickBot="1" x14ac:dyDescent="0.4">
      <c r="B52" s="6" t="s">
        <v>43</v>
      </c>
    </row>
    <row r="53" spans="2:2" ht="105" customHeight="1" thickTop="1" thickBot="1" x14ac:dyDescent="0.4">
      <c r="B53" s="6" t="s">
        <v>44</v>
      </c>
    </row>
    <row r="54" spans="2:2" ht="81.650000000000006" customHeight="1" thickTop="1" thickBot="1" x14ac:dyDescent="0.4">
      <c r="B54" s="6" t="s">
        <v>45</v>
      </c>
    </row>
    <row r="55" spans="2:2" ht="76.5" customHeight="1" thickTop="1" thickBot="1" x14ac:dyDescent="0.4">
      <c r="B55" s="6" t="s">
        <v>46</v>
      </c>
    </row>
    <row r="56" spans="2:2" ht="90" customHeight="1" thickTop="1" thickBot="1" x14ac:dyDescent="0.4">
      <c r="B56" s="6" t="s">
        <v>47</v>
      </c>
    </row>
    <row r="57" spans="2:2" ht="54.65" customHeight="1" thickTop="1" thickBot="1" x14ac:dyDescent="0.4">
      <c r="B57" s="6" t="s">
        <v>79</v>
      </c>
    </row>
    <row r="58" spans="2:2" ht="102.65" customHeight="1" thickTop="1" thickBot="1" x14ac:dyDescent="0.4">
      <c r="B58" s="6" t="s">
        <v>48</v>
      </c>
    </row>
    <row r="59" spans="2:2" ht="78" customHeight="1" thickTop="1" thickBot="1" x14ac:dyDescent="0.4">
      <c r="B59" s="6" t="s">
        <v>49</v>
      </c>
    </row>
    <row r="60" spans="2:2" ht="59.15" customHeight="1" thickTop="1" thickBot="1" x14ac:dyDescent="0.4">
      <c r="B60" s="6" t="s">
        <v>50</v>
      </c>
    </row>
    <row r="61" spans="2:2" ht="53.5" customHeight="1" thickTop="1" thickBot="1" x14ac:dyDescent="0.4">
      <c r="B61" s="6" t="s">
        <v>51</v>
      </c>
    </row>
    <row r="62" spans="2:2" ht="56.5" customHeight="1" thickTop="1" thickBot="1" x14ac:dyDescent="0.4">
      <c r="B62" s="6" t="s">
        <v>52</v>
      </c>
    </row>
    <row r="63" spans="2:2" ht="104.5" customHeight="1" thickTop="1" thickBot="1" x14ac:dyDescent="0.4">
      <c r="B63" s="6" t="s">
        <v>53</v>
      </c>
    </row>
    <row r="64" spans="2:2" ht="76" customHeight="1" thickTop="1" thickBot="1" x14ac:dyDescent="0.4">
      <c r="B64" s="6" t="s">
        <v>54</v>
      </c>
    </row>
    <row r="65" spans="2:2" ht="73" customHeight="1" thickTop="1" thickBot="1" x14ac:dyDescent="0.4">
      <c r="B65" s="6" t="s">
        <v>74</v>
      </c>
    </row>
    <row r="66" spans="2:2" ht="72.650000000000006" customHeight="1" thickTop="1" thickBot="1" x14ac:dyDescent="0.4">
      <c r="B66" s="6" t="s">
        <v>55</v>
      </c>
    </row>
    <row r="67" spans="2:2" ht="72" customHeight="1" thickTop="1" thickBot="1" x14ac:dyDescent="0.4">
      <c r="B67" s="6" t="s">
        <v>56</v>
      </c>
    </row>
    <row r="68" spans="2:2" ht="75.650000000000006" customHeight="1" thickTop="1" thickBot="1" x14ac:dyDescent="0.4">
      <c r="B68" s="6" t="s">
        <v>77</v>
      </c>
    </row>
    <row r="69" spans="2:2" ht="81.650000000000006" customHeight="1" thickTop="1" thickBot="1" x14ac:dyDescent="0.4">
      <c r="B69" s="6" t="s">
        <v>57</v>
      </c>
    </row>
    <row r="70" spans="2:2" ht="57.65" customHeight="1" thickTop="1" thickBot="1" x14ac:dyDescent="0.4">
      <c r="B70" s="6" t="s">
        <v>76</v>
      </c>
    </row>
    <row r="71" spans="2:2" ht="81.650000000000006" customHeight="1" thickTop="1" thickBot="1" x14ac:dyDescent="0.4">
      <c r="B71" s="6" t="s">
        <v>58</v>
      </c>
    </row>
    <row r="72" spans="2:2" ht="44.5" thickTop="1" thickBot="1" x14ac:dyDescent="0.4">
      <c r="B72" s="6" t="s">
        <v>59</v>
      </c>
    </row>
    <row r="73" spans="2:2" ht="44.5" thickTop="1" thickBot="1" x14ac:dyDescent="0.4">
      <c r="B73" s="6" t="s">
        <v>60</v>
      </c>
    </row>
    <row r="74" spans="2:2" ht="44.5" thickTop="1" thickBot="1" x14ac:dyDescent="0.4">
      <c r="B74" s="6" t="s">
        <v>61</v>
      </c>
    </row>
    <row r="75" spans="2:2" ht="44.5" thickTop="1" thickBot="1" x14ac:dyDescent="0.4">
      <c r="B75" s="6" t="s">
        <v>62</v>
      </c>
    </row>
    <row r="76" spans="2:2" ht="54.65" customHeight="1" thickTop="1" thickBot="1" x14ac:dyDescent="0.4">
      <c r="B76" s="6" t="s">
        <v>63</v>
      </c>
    </row>
    <row r="77" spans="2:2" ht="54.65" customHeight="1" thickTop="1" thickBot="1" x14ac:dyDescent="0.4">
      <c r="B77" s="6" t="s">
        <v>64</v>
      </c>
    </row>
    <row r="78" spans="2:2" ht="44.5" thickTop="1" thickBot="1" x14ac:dyDescent="0.4">
      <c r="B78" s="6" t="s">
        <v>65</v>
      </c>
    </row>
    <row r="79" spans="2:2" ht="81.75" customHeight="1" thickTop="1" thickBot="1" x14ac:dyDescent="0.4">
      <c r="B79" s="6" t="s">
        <v>17</v>
      </c>
    </row>
    <row r="80" spans="2:2" ht="69.650000000000006" customHeight="1" thickTop="1" thickBot="1" x14ac:dyDescent="0.4">
      <c r="B80" s="6" t="s">
        <v>66</v>
      </c>
    </row>
    <row r="81" spans="2:2" ht="177" customHeight="1" thickTop="1" thickBot="1" x14ac:dyDescent="0.4">
      <c r="B81" s="6" t="s">
        <v>80</v>
      </c>
    </row>
    <row r="82" spans="2:2" ht="15.5" thickTop="1" thickBot="1" x14ac:dyDescent="0.4">
      <c r="B82" s="3" t="s">
        <v>1</v>
      </c>
    </row>
    <row r="83" spans="2:2" ht="15.5" thickTop="1" thickBot="1" x14ac:dyDescent="0.4">
      <c r="B83" s="5" t="s">
        <v>0</v>
      </c>
    </row>
    <row r="84" spans="2:2" ht="37.5" customHeight="1" thickTop="1" thickBot="1" x14ac:dyDescent="0.4">
      <c r="B84" s="9" t="s">
        <v>73</v>
      </c>
    </row>
    <row r="85" spans="2:2" ht="15.5" thickTop="1" thickBot="1" x14ac:dyDescent="0.4">
      <c r="B85" s="5" t="s">
        <v>10</v>
      </c>
    </row>
    <row r="86" spans="2:2" ht="65.25" customHeight="1" thickTop="1" thickBot="1" x14ac:dyDescent="0.4">
      <c r="B86" s="6" t="s">
        <v>75</v>
      </c>
    </row>
    <row r="87" spans="2:2" ht="15" thickTop="1" x14ac:dyDescent="0.35">
      <c r="B87" s="2"/>
    </row>
    <row r="88" spans="2:2" ht="14.5" x14ac:dyDescent="0.35"/>
    <row r="89" spans="2:2" ht="14.5" hidden="1" x14ac:dyDescent="0.35"/>
    <row r="90" spans="2:2" ht="14.5" hidden="1" x14ac:dyDescent="0.35"/>
    <row r="91" spans="2:2" ht="14.5" hidden="1" x14ac:dyDescent="0.35"/>
    <row r="92" spans="2:2" ht="15" hidden="1" customHeight="1" x14ac:dyDescent="0.35"/>
  </sheetData>
  <pageMargins left="0.7" right="0.7" top="0.75" bottom="0.75" header="0.3" footer="0.3"/>
  <pageSetup orientation="portrait" horizont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2. Incend. y Terrem</vt:lpstr>
      <vt:lpstr>'Anexo No. 4.2. Incend. y Terrem'!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 Fernando</cp:lastModifiedBy>
  <cp:lastPrinted>2020-10-29T12:16:59Z</cp:lastPrinted>
  <dcterms:created xsi:type="dcterms:W3CDTF">2020-08-04T23:20:45Z</dcterms:created>
  <dcterms:modified xsi:type="dcterms:W3CDTF">2023-09-18T22:36: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